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6_税財政データ集\R2年度\02_財政グループ分\"/>
    </mc:Choice>
  </mc:AlternateContent>
  <bookViews>
    <workbookView xWindow="0" yWindow="0" windowWidth="20400" windowHeight="7236"/>
  </bookViews>
  <sheets>
    <sheet name="42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42'!$A$1:$E$87</definedName>
    <definedName name="_xlnm.Print_Titles" localSheetId="0">'42'!$A:$A,'42'!$1:$5</definedName>
  </definedNames>
  <calcPr calcId="152511"/>
</workbook>
</file>

<file path=xl/sharedStrings.xml><?xml version="1.0" encoding="utf-8"?>
<sst xmlns="http://schemas.openxmlformats.org/spreadsheetml/2006/main" count="335" uniqueCount="73">
  <si>
    <t>下水道事業特別会計</t>
  </si>
  <si>
    <t>水道事業会計</t>
  </si>
  <si>
    <t>病院事業会計</t>
  </si>
  <si>
    <t>相模原市</t>
    <rPh sb="0" eb="4">
      <t>サガミハラシ</t>
    </rPh>
    <phoneticPr fontId="0"/>
  </si>
  <si>
    <t>川崎市</t>
    <rPh sb="0" eb="3">
      <t>カワサキシ</t>
    </rPh>
    <phoneticPr fontId="0"/>
  </si>
  <si>
    <t>横浜市</t>
    <rPh sb="0" eb="3">
      <t>ヨコハマシ</t>
    </rPh>
    <phoneticPr fontId="0"/>
  </si>
  <si>
    <t>資金不足比率</t>
    <rPh sb="0" eb="2">
      <t>シキン</t>
    </rPh>
    <rPh sb="2" eb="4">
      <t>フソク</t>
    </rPh>
    <rPh sb="4" eb="6">
      <t>ヒリツ</t>
    </rPh>
    <phoneticPr fontId="0"/>
  </si>
  <si>
    <t>資金不足額</t>
    <rPh sb="0" eb="2">
      <t>シキン</t>
    </rPh>
    <rPh sb="2" eb="5">
      <t>フソクガク</t>
    </rPh>
    <phoneticPr fontId="0"/>
  </si>
  <si>
    <t>事業規模</t>
    <rPh sb="0" eb="2">
      <t>ジギョウ</t>
    </rPh>
    <rPh sb="2" eb="4">
      <t>キボ</t>
    </rPh>
    <phoneticPr fontId="0"/>
  </si>
  <si>
    <t>公営企業会計名</t>
    <rPh sb="0" eb="1">
      <t>コウ</t>
    </rPh>
    <rPh sb="1" eb="2">
      <t>エイ</t>
    </rPh>
    <rPh sb="2" eb="3">
      <t>クワダ</t>
    </rPh>
    <rPh sb="3" eb="4">
      <t>ギョウ</t>
    </rPh>
    <rPh sb="4" eb="5">
      <t>カイ</t>
    </rPh>
    <rPh sb="5" eb="6">
      <t>ケイ</t>
    </rPh>
    <rPh sb="6" eb="7">
      <t>メイ</t>
    </rPh>
    <phoneticPr fontId="0"/>
  </si>
  <si>
    <t>水道事業会計</t>
    <rPh sb="0" eb="2">
      <t>スイドウ</t>
    </rPh>
    <rPh sb="2" eb="4">
      <t>ジギョウ</t>
    </rPh>
    <rPh sb="4" eb="6">
      <t>カイケイ</t>
    </rPh>
    <phoneticPr fontId="2"/>
  </si>
  <si>
    <t>工業用水道事業会計</t>
    <rPh sb="0" eb="3">
      <t>コウギョウヨウ</t>
    </rPh>
    <rPh sb="3" eb="5">
      <t>スイドウ</t>
    </rPh>
    <rPh sb="5" eb="7">
      <t>ジギョウ</t>
    </rPh>
    <rPh sb="7" eb="9">
      <t>カイケイ</t>
    </rPh>
    <phoneticPr fontId="2"/>
  </si>
  <si>
    <t>自動車事業会計</t>
    <rPh sb="0" eb="3">
      <t>ジドウシャ</t>
    </rPh>
    <rPh sb="3" eb="5">
      <t>ジギョウ</t>
    </rPh>
    <rPh sb="5" eb="7">
      <t>カイケイ</t>
    </rPh>
    <phoneticPr fontId="2"/>
  </si>
  <si>
    <t>高速鉄道事業会計</t>
    <rPh sb="0" eb="2">
      <t>コウソク</t>
    </rPh>
    <rPh sb="2" eb="4">
      <t>テツドウ</t>
    </rPh>
    <rPh sb="4" eb="6">
      <t>ジギョウ</t>
    </rPh>
    <rPh sb="6" eb="8">
      <t>カイケイ</t>
    </rPh>
    <phoneticPr fontId="2"/>
  </si>
  <si>
    <t>下水道事業会計</t>
    <rPh sb="0" eb="3">
      <t>ゲスイドウ</t>
    </rPh>
    <rPh sb="3" eb="5">
      <t>ジギョウ</t>
    </rPh>
    <rPh sb="5" eb="7">
      <t>カイケイ</t>
    </rPh>
    <phoneticPr fontId="2"/>
  </si>
  <si>
    <t>病院事業会計</t>
    <rPh sb="0" eb="2">
      <t>ビョウイン</t>
    </rPh>
    <rPh sb="2" eb="4">
      <t>ジギョウ</t>
    </rPh>
    <rPh sb="4" eb="6">
      <t>カイケイ</t>
    </rPh>
    <phoneticPr fontId="2"/>
  </si>
  <si>
    <t>埋立事業会計</t>
    <rPh sb="0" eb="2">
      <t>ウメタテ</t>
    </rPh>
    <rPh sb="2" eb="4">
      <t>ジギョウ</t>
    </rPh>
    <rPh sb="4" eb="6">
      <t>カイケイ</t>
    </rPh>
    <phoneticPr fontId="2"/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下水道事業会計</t>
  </si>
  <si>
    <t>温泉事業会計</t>
  </si>
  <si>
    <t>自動車運送事業会計</t>
    <rPh sb="0" eb="3">
      <t>ジドウシャ</t>
    </rPh>
    <rPh sb="3" eb="5">
      <t>ウンソウ</t>
    </rPh>
    <rPh sb="5" eb="7">
      <t>ジギョウ</t>
    </rPh>
    <rPh sb="7" eb="9">
      <t>カイケイ</t>
    </rPh>
    <phoneticPr fontId="2"/>
  </si>
  <si>
    <t>－</t>
    <phoneticPr fontId="1"/>
  </si>
  <si>
    <t>水産物地方卸売市場事業特別会計</t>
    <rPh sb="0" eb="3">
      <t>スイサンブツ</t>
    </rPh>
    <rPh sb="3" eb="5">
      <t>チホウ</t>
    </rPh>
    <rPh sb="5" eb="7">
      <t>オロシウリ</t>
    </rPh>
    <rPh sb="7" eb="9">
      <t>シジョウ</t>
    </rPh>
    <rPh sb="9" eb="15">
      <t>ジギョウトクベツカイケイ</t>
    </rPh>
    <phoneticPr fontId="2"/>
  </si>
  <si>
    <t>下水道事業特別会計</t>
    <rPh sb="0" eb="3">
      <t>ゲスイドウ</t>
    </rPh>
    <rPh sb="3" eb="5">
      <t>ジギョウ</t>
    </rPh>
    <rPh sb="5" eb="7">
      <t>トクベツ</t>
    </rPh>
    <rPh sb="7" eb="9">
      <t>カイケイ</t>
    </rPh>
    <phoneticPr fontId="2"/>
  </si>
  <si>
    <t>下水道事業費特別会計</t>
    <rPh sb="0" eb="3">
      <t>ゲスイドウ</t>
    </rPh>
    <rPh sb="3" eb="6">
      <t>ジギョウヒ</t>
    </rPh>
    <rPh sb="6" eb="8">
      <t>トクベツ</t>
    </rPh>
    <rPh sb="8" eb="10">
      <t>カイケイ</t>
    </rPh>
    <phoneticPr fontId="2"/>
  </si>
  <si>
    <t>市民病院事業会計</t>
    <rPh sb="0" eb="2">
      <t>シミン</t>
    </rPh>
    <rPh sb="2" eb="4">
      <t>ビョウイン</t>
    </rPh>
    <rPh sb="4" eb="6">
      <t>ジギョウ</t>
    </rPh>
    <rPh sb="6" eb="8">
      <t>カイケイ</t>
    </rPh>
    <phoneticPr fontId="2"/>
  </si>
  <si>
    <t>小田原城天守閣事業特別会計</t>
    <rPh sb="0" eb="3">
      <t>オダワラ</t>
    </rPh>
    <rPh sb="3" eb="4">
      <t>ジョウ</t>
    </rPh>
    <rPh sb="4" eb="7">
      <t>テンシュカク</t>
    </rPh>
    <rPh sb="7" eb="9">
      <t>ジギョウ</t>
    </rPh>
    <rPh sb="9" eb="11">
      <t>トクベツ</t>
    </rPh>
    <rPh sb="11" eb="13">
      <t>カイケイ</t>
    </rPh>
    <phoneticPr fontId="2"/>
  </si>
  <si>
    <t>公設地方卸売市場事業特別会計</t>
    <rPh sb="0" eb="2">
      <t>コウセツ</t>
    </rPh>
    <rPh sb="2" eb="4">
      <t>チホウ</t>
    </rPh>
    <rPh sb="4" eb="6">
      <t>オロシウ</t>
    </rPh>
    <rPh sb="6" eb="8">
      <t>イチバ</t>
    </rPh>
    <rPh sb="8" eb="10">
      <t>ジギョウ</t>
    </rPh>
    <rPh sb="10" eb="12">
      <t>トクベツ</t>
    </rPh>
    <rPh sb="12" eb="14">
      <t>カイケイ</t>
    </rPh>
    <phoneticPr fontId="2"/>
  </si>
  <si>
    <t>公共下水道事業会計</t>
    <rPh sb="0" eb="2">
      <t>コウキョウ</t>
    </rPh>
    <rPh sb="2" eb="5">
      <t>ゲスイドウ</t>
    </rPh>
    <rPh sb="5" eb="7">
      <t>ジギョウ</t>
    </rPh>
    <rPh sb="7" eb="9">
      <t>カイケイ</t>
    </rPh>
    <phoneticPr fontId="2"/>
  </si>
  <si>
    <t>市場事業特別会計</t>
    <rPh sb="0" eb="2">
      <t>イチバ</t>
    </rPh>
    <rPh sb="2" eb="4">
      <t>ジギョウ</t>
    </rPh>
    <rPh sb="4" eb="8">
      <t>トクベツカイケイ</t>
    </rPh>
    <phoneticPr fontId="2"/>
  </si>
  <si>
    <t>公共下水道事業特別会計</t>
    <rPh sb="0" eb="2">
      <t>コウキョウ</t>
    </rPh>
    <rPh sb="2" eb="5">
      <t>ゲスイドウ</t>
    </rPh>
    <rPh sb="5" eb="7">
      <t>ジギョウ</t>
    </rPh>
    <rPh sb="7" eb="9">
      <t>トクベツ</t>
    </rPh>
    <rPh sb="9" eb="11">
      <t>カイケイ</t>
    </rPh>
    <phoneticPr fontId="2"/>
  </si>
  <si>
    <t>上水道事業会計</t>
    <rPh sb="0" eb="3">
      <t>ジョウスイドウ</t>
    </rPh>
    <rPh sb="3" eb="5">
      <t>ジギョウ</t>
    </rPh>
    <rPh sb="5" eb="7">
      <t>カイケイ</t>
    </rPh>
    <phoneticPr fontId="2"/>
  </si>
  <si>
    <t>寄簡易水道事業特別会計</t>
    <rPh sb="0" eb="5">
      <t>ヤドリキカンイスイドウ</t>
    </rPh>
    <rPh sb="5" eb="7">
      <t>ジギョウ</t>
    </rPh>
    <rPh sb="7" eb="9">
      <t>トクベツ</t>
    </rPh>
    <rPh sb="9" eb="11">
      <t>カイケイ</t>
    </rPh>
    <phoneticPr fontId="2"/>
  </si>
  <si>
    <t>温泉特別会計</t>
    <rPh sb="0" eb="2">
      <t>オンセン</t>
    </rPh>
    <rPh sb="2" eb="4">
      <t>トクベツ</t>
    </rPh>
    <rPh sb="4" eb="6">
      <t>カイケイ</t>
    </rPh>
    <phoneticPr fontId="2"/>
  </si>
  <si>
    <t>簡易水道事業特別会計</t>
    <rPh sb="0" eb="2">
      <t>カンイ</t>
    </rPh>
    <rPh sb="2" eb="4">
      <t>スイドウ</t>
    </rPh>
    <rPh sb="4" eb="6">
      <t>ジギョウ</t>
    </rPh>
    <rPh sb="6" eb="8">
      <t>トクベツ</t>
    </rPh>
    <rPh sb="8" eb="10">
      <t>カイケイ</t>
    </rPh>
    <phoneticPr fontId="2"/>
  </si>
  <si>
    <t>工業用水道事業会計</t>
    <rPh sb="0" eb="2">
      <t>コウギョウ</t>
    </rPh>
    <rPh sb="2" eb="3">
      <t>ヨウ</t>
    </rPh>
    <rPh sb="3" eb="5">
      <t>スイドウ</t>
    </rPh>
    <rPh sb="5" eb="7">
      <t>ジギョウ</t>
    </rPh>
    <rPh sb="7" eb="9">
      <t>カイケイ</t>
    </rPh>
    <phoneticPr fontId="2"/>
  </si>
  <si>
    <t>下水道事業会計</t>
    <rPh sb="0" eb="2">
      <t>ゲスイ</t>
    </rPh>
    <rPh sb="2" eb="3">
      <t>ドウ</t>
    </rPh>
    <rPh sb="3" eb="5">
      <t>ジギョウ</t>
    </rPh>
    <rPh sb="5" eb="7">
      <t>カイケイ</t>
    </rPh>
    <phoneticPr fontId="2"/>
  </si>
  <si>
    <t>港湾整備事業費会計</t>
    <rPh sb="0" eb="2">
      <t>コウワン</t>
    </rPh>
    <rPh sb="2" eb="4">
      <t>セイビ</t>
    </rPh>
    <rPh sb="4" eb="7">
      <t>ジギョウヒ</t>
    </rPh>
    <rPh sb="7" eb="8">
      <t>カイ</t>
    </rPh>
    <rPh sb="8" eb="9">
      <t>ケイ</t>
    </rPh>
    <phoneticPr fontId="2"/>
  </si>
  <si>
    <t>中央卸売市場費会計</t>
    <rPh sb="0" eb="2">
      <t>チュウオウ</t>
    </rPh>
    <rPh sb="2" eb="3">
      <t>オロシ</t>
    </rPh>
    <rPh sb="3" eb="4">
      <t>ウ</t>
    </rPh>
    <rPh sb="4" eb="6">
      <t>イチバ</t>
    </rPh>
    <rPh sb="6" eb="7">
      <t>ヒ</t>
    </rPh>
    <rPh sb="7" eb="8">
      <t>カイ</t>
    </rPh>
    <rPh sb="8" eb="9">
      <t>ケイ</t>
    </rPh>
    <phoneticPr fontId="2"/>
  </si>
  <si>
    <t>中央と畜場費会計</t>
    <rPh sb="0" eb="2">
      <t>チュウオウ</t>
    </rPh>
    <rPh sb="3" eb="4">
      <t>チク</t>
    </rPh>
    <rPh sb="4" eb="5">
      <t>ジョウ</t>
    </rPh>
    <rPh sb="5" eb="6">
      <t>ヒ</t>
    </rPh>
    <rPh sb="6" eb="7">
      <t>カイ</t>
    </rPh>
    <rPh sb="7" eb="8">
      <t>ケイ</t>
    </rPh>
    <phoneticPr fontId="2"/>
  </si>
  <si>
    <t>風力発電事業費会計</t>
    <rPh sb="0" eb="2">
      <t>フウリョク</t>
    </rPh>
    <rPh sb="2" eb="4">
      <t>ハツデン</t>
    </rPh>
    <rPh sb="4" eb="7">
      <t>ジギョウヒ</t>
    </rPh>
    <rPh sb="7" eb="8">
      <t>カイ</t>
    </rPh>
    <rPh sb="8" eb="9">
      <t>ケイ</t>
    </rPh>
    <phoneticPr fontId="2"/>
  </si>
  <si>
    <t>卸売市場事業特別会計</t>
    <rPh sb="0" eb="2">
      <t>オロシウリ</t>
    </rPh>
    <rPh sb="2" eb="4">
      <t>シジョウ</t>
    </rPh>
    <rPh sb="4" eb="6">
      <t>ジギョウ</t>
    </rPh>
    <rPh sb="6" eb="8">
      <t>トクベツ</t>
    </rPh>
    <rPh sb="8" eb="10">
      <t>カイケイ</t>
    </rPh>
    <phoneticPr fontId="0"/>
  </si>
  <si>
    <t>港湾整備事業特別会計</t>
    <rPh sb="0" eb="2">
      <t>コウワン</t>
    </rPh>
    <rPh sb="2" eb="4">
      <t>セイビ</t>
    </rPh>
    <rPh sb="4" eb="6">
      <t>ジギョウ</t>
    </rPh>
    <rPh sb="6" eb="8">
      <t>トクベツ</t>
    </rPh>
    <rPh sb="8" eb="10">
      <t>カイケイ</t>
    </rPh>
    <phoneticPr fontId="0"/>
  </si>
  <si>
    <t>生田緑地ゴルフ場事業特別会計</t>
    <rPh sb="0" eb="2">
      <t>イクタ</t>
    </rPh>
    <rPh sb="2" eb="4">
      <t>リョクチ</t>
    </rPh>
    <rPh sb="7" eb="8">
      <t>ジョウ</t>
    </rPh>
    <rPh sb="8" eb="10">
      <t>ジギョウ</t>
    </rPh>
    <rPh sb="10" eb="12">
      <t>トクベツ</t>
    </rPh>
    <rPh sb="12" eb="14">
      <t>カイケイ</t>
    </rPh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6" formatCode="&quot;¥&quot;#,##0;[Red]&quot;¥&quot;\-#,##0"/>
    <numFmt numFmtId="176" formatCode="#,##0;&quot;▲ &quot;#,##0"/>
    <numFmt numFmtId="177" formatCode="#,##0.0;&quot;▲ &quot;#,##0.0"/>
  </numFmts>
  <fonts count="6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9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2">
    <xf numFmtId="0" fontId="0" fillId="0" borderId="0">
      <alignment vertical="center"/>
    </xf>
    <xf numFmtId="0" fontId="4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5" fillId="0" borderId="0"/>
    <xf numFmtId="38" fontId="5" fillId="0" borderId="0" applyFont="0" applyFill="0" applyBorder="0" applyAlignment="0" applyProtection="0"/>
    <xf numFmtId="38" fontId="5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6" fontId="5" fillId="0" borderId="0" applyFont="0" applyFill="0" applyBorder="0" applyAlignment="0" applyProtection="0">
      <alignment vertical="center"/>
    </xf>
    <xf numFmtId="6" fontId="5" fillId="0" borderId="0" applyFont="0" applyFill="0" applyBorder="0" applyAlignment="0" applyProtection="0"/>
    <xf numFmtId="0" fontId="5" fillId="0" borderId="0">
      <alignment vertical="center"/>
    </xf>
    <xf numFmtId="0" fontId="5" fillId="0" borderId="0"/>
    <xf numFmtId="0" fontId="5" fillId="0" borderId="0">
      <alignment vertical="center"/>
    </xf>
  </cellStyleXfs>
  <cellXfs count="29">
    <xf numFmtId="0" fontId="0" fillId="0" borderId="0" xfId="0">
      <alignment vertical="center"/>
    </xf>
    <xf numFmtId="0" fontId="3" fillId="0" borderId="9" xfId="0" applyNumberFormat="1" applyFont="1" applyFill="1" applyBorder="1" applyAlignment="1">
      <alignment horizontal="center" vertical="center" shrinkToFit="1"/>
    </xf>
    <xf numFmtId="0" fontId="3" fillId="0" borderId="8" xfId="0" applyNumberFormat="1" applyFont="1" applyFill="1" applyBorder="1" applyAlignment="1">
      <alignment horizontal="center" vertical="center" shrinkToFit="1"/>
    </xf>
    <xf numFmtId="0" fontId="3" fillId="0" borderId="0" xfId="0" applyNumberFormat="1" applyFont="1" applyFill="1" applyBorder="1" applyAlignment="1">
      <alignment horizontal="center" vertical="center" shrinkToFit="1"/>
    </xf>
    <xf numFmtId="0" fontId="3" fillId="0" borderId="7" xfId="0" applyNumberFormat="1" applyFont="1" applyFill="1" applyBorder="1" applyAlignment="1">
      <alignment horizontal="center" vertical="center" shrinkToFit="1"/>
    </xf>
    <xf numFmtId="0" fontId="3" fillId="0" borderId="6" xfId="0" applyNumberFormat="1" applyFont="1" applyFill="1" applyBorder="1" applyAlignment="1">
      <alignment horizontal="center" vertical="center" shrinkToFit="1"/>
    </xf>
    <xf numFmtId="0" fontId="3" fillId="0" borderId="6" xfId="0" quotePrefix="1" applyNumberFormat="1" applyFont="1" applyFill="1" applyBorder="1" applyAlignment="1">
      <alignment horizontal="center" vertical="center" shrinkToFit="1"/>
    </xf>
    <xf numFmtId="0" fontId="3" fillId="0" borderId="5" xfId="0" applyNumberFormat="1" applyFont="1" applyFill="1" applyBorder="1" applyAlignment="1">
      <alignment horizontal="center" vertical="center" shrinkToFit="1"/>
    </xf>
    <xf numFmtId="0" fontId="3" fillId="0" borderId="2" xfId="0" applyFont="1" applyFill="1" applyBorder="1" applyAlignment="1">
      <alignment horizontal="center" vertical="center"/>
    </xf>
    <xf numFmtId="176" fontId="3" fillId="0" borderId="2" xfId="0" applyNumberFormat="1" applyFont="1" applyFill="1" applyBorder="1" applyAlignment="1">
      <alignment vertical="center" shrinkToFit="1"/>
    </xf>
    <xf numFmtId="176" fontId="3" fillId="0" borderId="2" xfId="0" applyNumberFormat="1" applyFont="1" applyFill="1" applyBorder="1" applyAlignment="1">
      <alignment horizontal="right" vertical="center"/>
    </xf>
    <xf numFmtId="176" fontId="3" fillId="0" borderId="2" xfId="0" applyNumberFormat="1" applyFont="1" applyFill="1" applyBorder="1" applyAlignment="1">
      <alignment horizontal="center" vertical="center"/>
    </xf>
    <xf numFmtId="176" fontId="3" fillId="0" borderId="0" xfId="0" applyNumberFormat="1" applyFont="1" applyFill="1" applyAlignment="1">
      <alignment vertical="center" shrinkToFit="1"/>
    </xf>
    <xf numFmtId="0" fontId="3" fillId="0" borderId="3" xfId="0" applyFont="1" applyFill="1" applyBorder="1" applyAlignment="1">
      <alignment horizontal="center" vertical="center"/>
    </xf>
    <xf numFmtId="176" fontId="3" fillId="0" borderId="3" xfId="0" applyNumberFormat="1" applyFont="1" applyFill="1" applyBorder="1" applyAlignment="1">
      <alignment vertical="center" shrinkToFit="1"/>
    </xf>
    <xf numFmtId="176" fontId="3" fillId="0" borderId="3" xfId="0" applyNumberFormat="1" applyFont="1" applyFill="1" applyBorder="1" applyAlignment="1">
      <alignment horizontal="right" vertical="center"/>
    </xf>
    <xf numFmtId="176" fontId="3" fillId="0" borderId="3" xfId="0" applyNumberFormat="1" applyFont="1" applyFill="1" applyBorder="1" applyAlignment="1">
      <alignment horizontal="center" vertical="center"/>
    </xf>
    <xf numFmtId="176" fontId="3" fillId="0" borderId="0" xfId="0" applyNumberFormat="1" applyFont="1" applyFill="1" applyBorder="1" applyAlignment="1">
      <alignment vertical="center" shrinkToFit="1"/>
    </xf>
    <xf numFmtId="0" fontId="3" fillId="0" borderId="1" xfId="0" applyFont="1" applyFill="1" applyBorder="1" applyAlignment="1">
      <alignment horizontal="center" vertical="center"/>
    </xf>
    <xf numFmtId="176" fontId="3" fillId="0" borderId="1" xfId="0" applyNumberFormat="1" applyFont="1" applyFill="1" applyBorder="1" applyAlignment="1">
      <alignment vertical="center" shrinkToFit="1"/>
    </xf>
    <xf numFmtId="176" fontId="3" fillId="0" borderId="1" xfId="0" applyNumberFormat="1" applyFont="1" applyFill="1" applyBorder="1" applyAlignment="1">
      <alignment horizontal="right" vertical="center"/>
    </xf>
    <xf numFmtId="176" fontId="3" fillId="0" borderId="1" xfId="0" applyNumberFormat="1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176" fontId="3" fillId="0" borderId="4" xfId="0" applyNumberFormat="1" applyFont="1" applyFill="1" applyBorder="1" applyAlignment="1">
      <alignment vertical="center" shrinkToFit="1"/>
    </xf>
    <xf numFmtId="176" fontId="3" fillId="0" borderId="4" xfId="0" applyNumberFormat="1" applyFont="1" applyFill="1" applyBorder="1" applyAlignment="1">
      <alignment horizontal="right" vertical="center"/>
    </xf>
    <xf numFmtId="176" fontId="3" fillId="0" borderId="4" xfId="0" applyNumberFormat="1" applyFont="1" applyFill="1" applyBorder="1" applyAlignment="1">
      <alignment horizontal="center" vertical="center"/>
    </xf>
    <xf numFmtId="0" fontId="3" fillId="0" borderId="0" xfId="0" applyFont="1" applyFill="1" applyAlignment="1">
      <alignment horizontal="center" vertical="center"/>
    </xf>
    <xf numFmtId="176" fontId="3" fillId="0" borderId="10" xfId="0" applyNumberFormat="1" applyFont="1" applyFill="1" applyBorder="1" applyAlignment="1">
      <alignment horizontal="center" vertical="center"/>
    </xf>
    <xf numFmtId="177" fontId="3" fillId="0" borderId="1" xfId="0" applyNumberFormat="1" applyFont="1" applyFill="1" applyBorder="1" applyAlignment="1">
      <alignment horizontal="center" vertical="center"/>
    </xf>
  </cellXfs>
  <cellStyles count="12">
    <cellStyle name="桁区切り 2" xfId="4"/>
    <cellStyle name="桁区切り 2 2" xfId="5"/>
    <cellStyle name="桁区切り 3" xfId="2"/>
    <cellStyle name="桁区切り 4" xfId="6"/>
    <cellStyle name="通貨 2" xfId="7"/>
    <cellStyle name="通貨 3" xfId="8"/>
    <cellStyle name="標準" xfId="0" builtinId="0"/>
    <cellStyle name="標準 2" xfId="9"/>
    <cellStyle name="標準 2 2" xfId="10"/>
    <cellStyle name="標準 3" xfId="1"/>
    <cellStyle name="標準 4" xfId="11"/>
    <cellStyle name="標準 5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E92"/>
  <sheetViews>
    <sheetView tabSelected="1" zoomScaleNormal="100" zoomScaleSheetLayoutView="100" workbookViewId="0">
      <selection activeCell="B33" sqref="B33"/>
    </sheetView>
  </sheetViews>
  <sheetFormatPr defaultColWidth="9.3984375" defaultRowHeight="10.8"/>
  <cols>
    <col min="1" max="1" width="11.3984375" style="26" customWidth="1"/>
    <col min="2" max="2" width="25.09765625" style="12" customWidth="1"/>
    <col min="3" max="3" width="10.19921875" style="12" customWidth="1"/>
    <col min="4" max="16384" width="9.3984375" style="12"/>
  </cols>
  <sheetData>
    <row r="1" spans="1:5" s="3" customFormat="1" ht="17.25" customHeight="1">
      <c r="A1" s="1"/>
      <c r="B1" s="2"/>
      <c r="C1" s="2"/>
      <c r="D1" s="2"/>
      <c r="E1" s="2"/>
    </row>
    <row r="2" spans="1:5" s="3" customFormat="1" ht="17.25" customHeight="1">
      <c r="A2" s="4"/>
      <c r="B2" s="5"/>
      <c r="C2" s="5"/>
      <c r="D2" s="5"/>
      <c r="E2" s="5"/>
    </row>
    <row r="3" spans="1:5" s="3" customFormat="1" ht="17.25" customHeight="1">
      <c r="A3" s="4"/>
      <c r="B3" s="5" t="s">
        <v>9</v>
      </c>
      <c r="C3" s="5" t="s">
        <v>8</v>
      </c>
      <c r="D3" s="5" t="s">
        <v>7</v>
      </c>
      <c r="E3" s="5" t="s">
        <v>6</v>
      </c>
    </row>
    <row r="4" spans="1:5" s="3" customFormat="1" ht="17.25" customHeight="1">
      <c r="A4" s="4"/>
      <c r="B4" s="6"/>
      <c r="C4" s="5"/>
      <c r="D4" s="5"/>
      <c r="E4" s="5"/>
    </row>
    <row r="5" spans="1:5" s="3" customFormat="1" ht="17.25" customHeight="1">
      <c r="A5" s="7"/>
      <c r="B5" s="7"/>
      <c r="C5" s="7"/>
      <c r="D5" s="7"/>
      <c r="E5" s="7"/>
    </row>
    <row r="6" spans="1:5" ht="17.25" customHeight="1">
      <c r="A6" s="8" t="s">
        <v>5</v>
      </c>
      <c r="B6" s="9" t="s">
        <v>10</v>
      </c>
      <c r="C6" s="10">
        <v>71782099</v>
      </c>
      <c r="D6" s="11" t="s">
        <v>50</v>
      </c>
      <c r="E6" s="11" t="s">
        <v>50</v>
      </c>
    </row>
    <row r="7" spans="1:5" s="17" customFormat="1" ht="17.25" customHeight="1">
      <c r="A7" s="13" t="s">
        <v>5</v>
      </c>
      <c r="B7" s="14" t="s">
        <v>11</v>
      </c>
      <c r="C7" s="15">
        <v>2605077</v>
      </c>
      <c r="D7" s="16" t="s">
        <v>50</v>
      </c>
      <c r="E7" s="16" t="s">
        <v>50</v>
      </c>
    </row>
    <row r="8" spans="1:5" ht="17.25" customHeight="1">
      <c r="A8" s="13" t="s">
        <v>5</v>
      </c>
      <c r="B8" s="14" t="s">
        <v>12</v>
      </c>
      <c r="C8" s="15">
        <v>20021563</v>
      </c>
      <c r="D8" s="16" t="s">
        <v>50</v>
      </c>
      <c r="E8" s="16" t="s">
        <v>50</v>
      </c>
    </row>
    <row r="9" spans="1:5" ht="17.25" customHeight="1">
      <c r="A9" s="13" t="s">
        <v>5</v>
      </c>
      <c r="B9" s="14" t="s">
        <v>13</v>
      </c>
      <c r="C9" s="15">
        <v>40999089</v>
      </c>
      <c r="D9" s="16" t="s">
        <v>50</v>
      </c>
      <c r="E9" s="16" t="s">
        <v>50</v>
      </c>
    </row>
    <row r="10" spans="1:5" ht="17.25" customHeight="1">
      <c r="A10" s="13" t="s">
        <v>5</v>
      </c>
      <c r="B10" s="14" t="s">
        <v>14</v>
      </c>
      <c r="C10" s="15">
        <v>96576051</v>
      </c>
      <c r="D10" s="16" t="s">
        <v>50</v>
      </c>
      <c r="E10" s="16" t="s">
        <v>50</v>
      </c>
    </row>
    <row r="11" spans="1:5" s="17" customFormat="1" ht="17.25" customHeight="1">
      <c r="A11" s="13" t="s">
        <v>5</v>
      </c>
      <c r="B11" s="14" t="s">
        <v>15</v>
      </c>
      <c r="C11" s="15">
        <v>48355758</v>
      </c>
      <c r="D11" s="16" t="s">
        <v>50</v>
      </c>
      <c r="E11" s="16" t="s">
        <v>50</v>
      </c>
    </row>
    <row r="12" spans="1:5" s="17" customFormat="1" ht="17.25" customHeight="1">
      <c r="A12" s="13" t="s">
        <v>5</v>
      </c>
      <c r="B12" s="14" t="s">
        <v>16</v>
      </c>
      <c r="C12" s="15">
        <v>358678091</v>
      </c>
      <c r="D12" s="16" t="s">
        <v>50</v>
      </c>
      <c r="E12" s="16" t="s">
        <v>50</v>
      </c>
    </row>
    <row r="13" spans="1:5" s="17" customFormat="1" ht="17.25" customHeight="1">
      <c r="A13" s="13" t="s">
        <v>5</v>
      </c>
      <c r="B13" s="14" t="s">
        <v>66</v>
      </c>
      <c r="C13" s="15">
        <v>1388423</v>
      </c>
      <c r="D13" s="16" t="s">
        <v>50</v>
      </c>
      <c r="E13" s="16" t="s">
        <v>50</v>
      </c>
    </row>
    <row r="14" spans="1:5" s="17" customFormat="1" ht="17.25" customHeight="1">
      <c r="A14" s="13" t="s">
        <v>5</v>
      </c>
      <c r="B14" s="14" t="s">
        <v>67</v>
      </c>
      <c r="C14" s="15">
        <v>2208903</v>
      </c>
      <c r="D14" s="16" t="s">
        <v>50</v>
      </c>
      <c r="E14" s="16" t="s">
        <v>50</v>
      </c>
    </row>
    <row r="15" spans="1:5" s="17" customFormat="1" ht="17.25" customHeight="1">
      <c r="A15" s="13" t="s">
        <v>5</v>
      </c>
      <c r="B15" s="14" t="s">
        <v>68</v>
      </c>
      <c r="C15" s="15">
        <v>247123</v>
      </c>
      <c r="D15" s="16" t="s">
        <v>50</v>
      </c>
      <c r="E15" s="16" t="s">
        <v>50</v>
      </c>
    </row>
    <row r="16" spans="1:5" s="17" customFormat="1" ht="17.25" customHeight="1">
      <c r="A16" s="13" t="s">
        <v>5</v>
      </c>
      <c r="B16" s="14" t="s">
        <v>69</v>
      </c>
      <c r="C16" s="15">
        <v>43702</v>
      </c>
      <c r="D16" s="16" t="s">
        <v>50</v>
      </c>
      <c r="E16" s="16" t="s">
        <v>50</v>
      </c>
    </row>
    <row r="17" spans="1:5" s="17" customFormat="1" ht="17.25" customHeight="1">
      <c r="A17" s="8" t="s">
        <v>4</v>
      </c>
      <c r="B17" s="9" t="s">
        <v>15</v>
      </c>
      <c r="C17" s="10">
        <v>36499132</v>
      </c>
      <c r="D17" s="11" t="s">
        <v>50</v>
      </c>
      <c r="E17" s="11" t="s">
        <v>50</v>
      </c>
    </row>
    <row r="18" spans="1:5" s="17" customFormat="1" ht="17.25" customHeight="1">
      <c r="A18" s="13" t="s">
        <v>4</v>
      </c>
      <c r="B18" s="14" t="s">
        <v>14</v>
      </c>
      <c r="C18" s="15">
        <v>32762801</v>
      </c>
      <c r="D18" s="16" t="s">
        <v>50</v>
      </c>
      <c r="E18" s="16" t="s">
        <v>50</v>
      </c>
    </row>
    <row r="19" spans="1:5" s="17" customFormat="1" ht="17.25" customHeight="1">
      <c r="A19" s="13" t="s">
        <v>4</v>
      </c>
      <c r="B19" s="14" t="s">
        <v>10</v>
      </c>
      <c r="C19" s="15">
        <v>28737631</v>
      </c>
      <c r="D19" s="16" t="s">
        <v>50</v>
      </c>
      <c r="E19" s="16" t="s">
        <v>50</v>
      </c>
    </row>
    <row r="20" spans="1:5" s="17" customFormat="1" ht="17.25" customHeight="1">
      <c r="A20" s="13" t="s">
        <v>4</v>
      </c>
      <c r="B20" s="14" t="s">
        <v>64</v>
      </c>
      <c r="C20" s="15">
        <v>6991906</v>
      </c>
      <c r="D20" s="16" t="s">
        <v>50</v>
      </c>
      <c r="E20" s="16" t="s">
        <v>50</v>
      </c>
    </row>
    <row r="21" spans="1:5" s="17" customFormat="1" ht="17.25" customHeight="1">
      <c r="A21" s="13" t="s">
        <v>4</v>
      </c>
      <c r="B21" s="14" t="s">
        <v>49</v>
      </c>
      <c r="C21" s="15">
        <v>7925636</v>
      </c>
      <c r="D21" s="16" t="s">
        <v>50</v>
      </c>
      <c r="E21" s="16" t="s">
        <v>50</v>
      </c>
    </row>
    <row r="22" spans="1:5" s="17" customFormat="1" ht="17.25" customHeight="1">
      <c r="A22" s="13" t="s">
        <v>4</v>
      </c>
      <c r="B22" s="14" t="s">
        <v>70</v>
      </c>
      <c r="C22" s="15">
        <v>917819</v>
      </c>
      <c r="D22" s="16" t="s">
        <v>50</v>
      </c>
      <c r="E22" s="16" t="s">
        <v>50</v>
      </c>
    </row>
    <row r="23" spans="1:5" ht="17.25" customHeight="1">
      <c r="A23" s="13" t="s">
        <v>4</v>
      </c>
      <c r="B23" s="14" t="s">
        <v>71</v>
      </c>
      <c r="C23" s="15">
        <v>1110385</v>
      </c>
      <c r="D23" s="16" t="s">
        <v>50</v>
      </c>
      <c r="E23" s="16" t="s">
        <v>50</v>
      </c>
    </row>
    <row r="24" spans="1:5" ht="17.25" customHeight="1">
      <c r="A24" s="18" t="s">
        <v>4</v>
      </c>
      <c r="B24" s="19" t="s">
        <v>72</v>
      </c>
      <c r="C24" s="20">
        <v>1180070</v>
      </c>
      <c r="D24" s="21" t="s">
        <v>50</v>
      </c>
      <c r="E24" s="21" t="s">
        <v>50</v>
      </c>
    </row>
    <row r="25" spans="1:5" ht="17.25" customHeight="1">
      <c r="A25" s="8" t="s">
        <v>3</v>
      </c>
      <c r="B25" s="9" t="s">
        <v>65</v>
      </c>
      <c r="C25" s="10">
        <v>10373955</v>
      </c>
      <c r="D25" s="11" t="s">
        <v>50</v>
      </c>
      <c r="E25" s="11" t="s">
        <v>50</v>
      </c>
    </row>
    <row r="26" spans="1:5" ht="17.25" customHeight="1">
      <c r="A26" s="13" t="s">
        <v>3</v>
      </c>
      <c r="B26" s="14" t="s">
        <v>63</v>
      </c>
      <c r="C26" s="15">
        <v>18874</v>
      </c>
      <c r="D26" s="16" t="s">
        <v>50</v>
      </c>
      <c r="E26" s="16" t="s">
        <v>50</v>
      </c>
    </row>
    <row r="27" spans="1:5" s="17" customFormat="1" ht="17.25" customHeight="1">
      <c r="A27" s="8" t="s">
        <v>17</v>
      </c>
      <c r="B27" s="9" t="s">
        <v>10</v>
      </c>
      <c r="C27" s="10">
        <v>9082374</v>
      </c>
      <c r="D27" s="11" t="s">
        <v>50</v>
      </c>
      <c r="E27" s="11" t="s">
        <v>50</v>
      </c>
    </row>
    <row r="28" spans="1:5" s="17" customFormat="1" ht="17.25" customHeight="1">
      <c r="A28" s="13" t="s">
        <v>17</v>
      </c>
      <c r="B28" s="14" t="s">
        <v>47</v>
      </c>
      <c r="C28" s="15">
        <v>9124877</v>
      </c>
      <c r="D28" s="16" t="s">
        <v>50</v>
      </c>
      <c r="E28" s="16" t="s">
        <v>50</v>
      </c>
    </row>
    <row r="29" spans="1:5" s="17" customFormat="1" ht="17.25" customHeight="1">
      <c r="A29" s="18" t="s">
        <v>17</v>
      </c>
      <c r="B29" s="19" t="s">
        <v>15</v>
      </c>
      <c r="C29" s="20">
        <v>18857270</v>
      </c>
      <c r="D29" s="21" t="s">
        <v>50</v>
      </c>
      <c r="E29" s="21" t="s">
        <v>50</v>
      </c>
    </row>
    <row r="30" spans="1:5" s="17" customFormat="1" ht="17.25" customHeight="1">
      <c r="A30" s="8" t="s">
        <v>18</v>
      </c>
      <c r="B30" s="9" t="s">
        <v>15</v>
      </c>
      <c r="C30" s="10">
        <v>11976100</v>
      </c>
      <c r="D30" s="11" t="s">
        <v>50</v>
      </c>
      <c r="E30" s="11" t="s">
        <v>50</v>
      </c>
    </row>
    <row r="31" spans="1:5" s="17" customFormat="1" ht="17.25" customHeight="1">
      <c r="A31" s="13" t="s">
        <v>18</v>
      </c>
      <c r="B31" s="14" t="s">
        <v>14</v>
      </c>
      <c r="C31" s="15">
        <v>4640714</v>
      </c>
      <c r="D31" s="16" t="s">
        <v>50</v>
      </c>
      <c r="E31" s="16" t="s">
        <v>50</v>
      </c>
    </row>
    <row r="32" spans="1:5" s="17" customFormat="1" ht="17.25" customHeight="1">
      <c r="A32" s="18" t="s">
        <v>18</v>
      </c>
      <c r="B32" s="19" t="s">
        <v>51</v>
      </c>
      <c r="C32" s="20">
        <v>5566</v>
      </c>
      <c r="D32" s="21" t="s">
        <v>50</v>
      </c>
      <c r="E32" s="21" t="s">
        <v>50</v>
      </c>
    </row>
    <row r="33" spans="1:5" s="17" customFormat="1" ht="17.25" customHeight="1">
      <c r="A33" s="22" t="s">
        <v>19</v>
      </c>
      <c r="B33" s="23" t="s">
        <v>14</v>
      </c>
      <c r="C33" s="24">
        <v>2751792</v>
      </c>
      <c r="D33" s="25" t="s">
        <v>50</v>
      </c>
      <c r="E33" s="25" t="s">
        <v>50</v>
      </c>
    </row>
    <row r="34" spans="1:5" s="17" customFormat="1" ht="17.25" customHeight="1">
      <c r="A34" s="8" t="s">
        <v>20</v>
      </c>
      <c r="B34" s="9" t="s">
        <v>53</v>
      </c>
      <c r="C34" s="10">
        <v>8394420</v>
      </c>
      <c r="D34" s="11" t="s">
        <v>50</v>
      </c>
      <c r="E34" s="11" t="s">
        <v>50</v>
      </c>
    </row>
    <row r="35" spans="1:5" s="17" customFormat="1" ht="17.25" customHeight="1">
      <c r="A35" s="13" t="s">
        <v>20</v>
      </c>
      <c r="B35" s="14" t="s">
        <v>54</v>
      </c>
      <c r="C35" s="15">
        <v>18546921</v>
      </c>
      <c r="D35" s="16" t="s">
        <v>50</v>
      </c>
      <c r="E35" s="16" t="s">
        <v>50</v>
      </c>
    </row>
    <row r="36" spans="1:5" ht="17.25" customHeight="1">
      <c r="A36" s="8" t="s">
        <v>21</v>
      </c>
      <c r="B36" s="9" t="s">
        <v>10</v>
      </c>
      <c r="C36" s="10">
        <v>2613469</v>
      </c>
      <c r="D36" s="11" t="s">
        <v>50</v>
      </c>
      <c r="E36" s="11" t="s">
        <v>50</v>
      </c>
    </row>
    <row r="37" spans="1:5" ht="17.25" customHeight="1">
      <c r="A37" s="13" t="s">
        <v>21</v>
      </c>
      <c r="B37" s="14" t="s">
        <v>15</v>
      </c>
      <c r="C37" s="15">
        <v>12586314</v>
      </c>
      <c r="D37" s="16" t="s">
        <v>50</v>
      </c>
      <c r="E37" s="16" t="s">
        <v>50</v>
      </c>
    </row>
    <row r="38" spans="1:5" ht="17.25" customHeight="1">
      <c r="A38" s="13" t="s">
        <v>21</v>
      </c>
      <c r="B38" s="14" t="s">
        <v>14</v>
      </c>
      <c r="C38" s="15">
        <v>3922955</v>
      </c>
      <c r="D38" s="16" t="s">
        <v>50</v>
      </c>
      <c r="E38" s="16" t="s">
        <v>50</v>
      </c>
    </row>
    <row r="39" spans="1:5" ht="17.25" customHeight="1">
      <c r="A39" s="13" t="s">
        <v>21</v>
      </c>
      <c r="B39" s="14" t="s">
        <v>55</v>
      </c>
      <c r="C39" s="15">
        <v>0</v>
      </c>
      <c r="D39" s="16" t="s">
        <v>50</v>
      </c>
      <c r="E39" s="16" t="s">
        <v>50</v>
      </c>
    </row>
    <row r="40" spans="1:5" ht="17.25" customHeight="1">
      <c r="A40" s="18" t="s">
        <v>21</v>
      </c>
      <c r="B40" s="19" t="s">
        <v>56</v>
      </c>
      <c r="C40" s="20">
        <v>98588</v>
      </c>
      <c r="D40" s="21" t="s">
        <v>50</v>
      </c>
      <c r="E40" s="21" t="s">
        <v>50</v>
      </c>
    </row>
    <row r="41" spans="1:5" ht="17.25" customHeight="1">
      <c r="A41" s="8" t="s">
        <v>22</v>
      </c>
      <c r="B41" s="9" t="s">
        <v>57</v>
      </c>
      <c r="C41" s="10">
        <v>4262329</v>
      </c>
      <c r="D41" s="11" t="s">
        <v>50</v>
      </c>
      <c r="E41" s="11" t="s">
        <v>50</v>
      </c>
    </row>
    <row r="42" spans="1:5" ht="17.25" customHeight="1">
      <c r="A42" s="18" t="s">
        <v>22</v>
      </c>
      <c r="B42" s="19" t="s">
        <v>15</v>
      </c>
      <c r="C42" s="20">
        <v>10399786</v>
      </c>
      <c r="D42" s="21" t="s">
        <v>50</v>
      </c>
      <c r="E42" s="21" t="s">
        <v>50</v>
      </c>
    </row>
    <row r="43" spans="1:5" ht="17.25" customHeight="1">
      <c r="A43" s="22" t="s">
        <v>23</v>
      </c>
      <c r="B43" s="23" t="s">
        <v>14</v>
      </c>
      <c r="C43" s="24">
        <v>895631</v>
      </c>
      <c r="D43" s="25" t="s">
        <v>50</v>
      </c>
      <c r="E43" s="25" t="s">
        <v>50</v>
      </c>
    </row>
    <row r="44" spans="1:5" ht="17.25" customHeight="1">
      <c r="A44" s="8" t="s">
        <v>24</v>
      </c>
      <c r="B44" s="9" t="s">
        <v>15</v>
      </c>
      <c r="C44" s="10">
        <v>2460285</v>
      </c>
      <c r="D44" s="11" t="s">
        <v>50</v>
      </c>
      <c r="E44" s="11" t="s">
        <v>50</v>
      </c>
    </row>
    <row r="45" spans="1:5" ht="17.25" customHeight="1">
      <c r="A45" s="13" t="s">
        <v>24</v>
      </c>
      <c r="B45" s="14" t="s">
        <v>10</v>
      </c>
      <c r="C45" s="15">
        <v>1059251</v>
      </c>
      <c r="D45" s="16" t="s">
        <v>50</v>
      </c>
      <c r="E45" s="16" t="s">
        <v>50</v>
      </c>
    </row>
    <row r="46" spans="1:5" ht="17.25" customHeight="1">
      <c r="A46" s="13" t="s">
        <v>24</v>
      </c>
      <c r="B46" s="14" t="s">
        <v>58</v>
      </c>
      <c r="C46" s="15">
        <v>224228</v>
      </c>
      <c r="D46" s="16" t="s">
        <v>50</v>
      </c>
      <c r="E46" s="16" t="s">
        <v>50</v>
      </c>
    </row>
    <row r="47" spans="1:5" ht="17.25" customHeight="1">
      <c r="A47" s="18" t="s">
        <v>24</v>
      </c>
      <c r="B47" s="19" t="s">
        <v>59</v>
      </c>
      <c r="C47" s="20">
        <v>228364</v>
      </c>
      <c r="D47" s="21" t="s">
        <v>50</v>
      </c>
      <c r="E47" s="21" t="s">
        <v>50</v>
      </c>
    </row>
    <row r="48" spans="1:5" ht="17.25" customHeight="1">
      <c r="A48" s="8" t="s">
        <v>25</v>
      </c>
      <c r="B48" s="9" t="s">
        <v>10</v>
      </c>
      <c r="C48" s="10">
        <v>2219038</v>
      </c>
      <c r="D48" s="11" t="s">
        <v>50</v>
      </c>
      <c r="E48" s="11" t="s">
        <v>50</v>
      </c>
    </row>
    <row r="49" spans="1:5" ht="17.25" customHeight="1">
      <c r="A49" s="18" t="s">
        <v>25</v>
      </c>
      <c r="B49" s="19" t="s">
        <v>57</v>
      </c>
      <c r="C49" s="20">
        <v>2659067</v>
      </c>
      <c r="D49" s="21" t="s">
        <v>50</v>
      </c>
      <c r="E49" s="21" t="s">
        <v>50</v>
      </c>
    </row>
    <row r="50" spans="1:5" ht="17.25" customHeight="1">
      <c r="A50" s="8" t="s">
        <v>26</v>
      </c>
      <c r="B50" s="9" t="s">
        <v>2</v>
      </c>
      <c r="C50" s="10">
        <v>9303536</v>
      </c>
      <c r="D50" s="27" t="s">
        <v>50</v>
      </c>
      <c r="E50" s="27" t="s">
        <v>50</v>
      </c>
    </row>
    <row r="51" spans="1:5" ht="17.25" customHeight="1">
      <c r="A51" s="18" t="s">
        <v>26</v>
      </c>
      <c r="B51" s="19" t="s">
        <v>59</v>
      </c>
      <c r="C51" s="20">
        <v>3191674</v>
      </c>
      <c r="D51" s="21" t="s">
        <v>50</v>
      </c>
      <c r="E51" s="21" t="s">
        <v>50</v>
      </c>
    </row>
    <row r="52" spans="1:5" ht="17.25" customHeight="1">
      <c r="A52" s="8" t="s">
        <v>27</v>
      </c>
      <c r="B52" s="9" t="s">
        <v>2</v>
      </c>
      <c r="C52" s="10">
        <v>10535500</v>
      </c>
      <c r="D52" s="11" t="s">
        <v>50</v>
      </c>
      <c r="E52" s="11" t="s">
        <v>50</v>
      </c>
    </row>
    <row r="53" spans="1:5" ht="17.25" customHeight="1">
      <c r="A53" s="18" t="s">
        <v>27</v>
      </c>
      <c r="B53" s="19" t="s">
        <v>0</v>
      </c>
      <c r="C53" s="20">
        <v>3457406</v>
      </c>
      <c r="D53" s="21" t="s">
        <v>50</v>
      </c>
      <c r="E53" s="21" t="s">
        <v>50</v>
      </c>
    </row>
    <row r="54" spans="1:5" ht="17.25" customHeight="1">
      <c r="A54" s="22" t="s">
        <v>28</v>
      </c>
      <c r="B54" s="23" t="s">
        <v>57</v>
      </c>
      <c r="C54" s="24">
        <v>1329185</v>
      </c>
      <c r="D54" s="25" t="s">
        <v>50</v>
      </c>
      <c r="E54" s="25" t="s">
        <v>50</v>
      </c>
    </row>
    <row r="55" spans="1:5" ht="17.25" customHeight="1">
      <c r="A55" s="22" t="s">
        <v>29</v>
      </c>
      <c r="B55" s="23" t="s">
        <v>57</v>
      </c>
      <c r="C55" s="24">
        <v>1909752</v>
      </c>
      <c r="D55" s="25" t="s">
        <v>50</v>
      </c>
      <c r="E55" s="25" t="s">
        <v>50</v>
      </c>
    </row>
    <row r="56" spans="1:5" ht="17.25" customHeight="1">
      <c r="A56" s="8" t="s">
        <v>30</v>
      </c>
      <c r="B56" s="9" t="s">
        <v>10</v>
      </c>
      <c r="C56" s="10">
        <v>1640399</v>
      </c>
      <c r="D56" s="11" t="s">
        <v>50</v>
      </c>
      <c r="E56" s="11" t="s">
        <v>50</v>
      </c>
    </row>
    <row r="57" spans="1:5" ht="17.25" customHeight="1">
      <c r="A57" s="18" t="s">
        <v>30</v>
      </c>
      <c r="B57" s="19" t="s">
        <v>57</v>
      </c>
      <c r="C57" s="20">
        <v>2049007</v>
      </c>
      <c r="D57" s="21" t="s">
        <v>50</v>
      </c>
      <c r="E57" s="21" t="s">
        <v>50</v>
      </c>
    </row>
    <row r="58" spans="1:5" ht="17.25" customHeight="1">
      <c r="A58" s="8" t="s">
        <v>31</v>
      </c>
      <c r="B58" s="9" t="s">
        <v>10</v>
      </c>
      <c r="C58" s="10">
        <v>597215</v>
      </c>
      <c r="D58" s="11" t="s">
        <v>50</v>
      </c>
      <c r="E58" s="11" t="s">
        <v>50</v>
      </c>
    </row>
    <row r="59" spans="1:5" ht="17.25" customHeight="1">
      <c r="A59" s="18" t="s">
        <v>31</v>
      </c>
      <c r="B59" s="19" t="s">
        <v>57</v>
      </c>
      <c r="C59" s="20">
        <v>605853</v>
      </c>
      <c r="D59" s="21" t="s">
        <v>50</v>
      </c>
      <c r="E59" s="21" t="s">
        <v>50</v>
      </c>
    </row>
    <row r="60" spans="1:5" ht="17.25" customHeight="1">
      <c r="A60" s="22" t="s">
        <v>32</v>
      </c>
      <c r="B60" s="23" t="s">
        <v>52</v>
      </c>
      <c r="C60" s="24">
        <v>1243303</v>
      </c>
      <c r="D60" s="25" t="s">
        <v>50</v>
      </c>
      <c r="E60" s="25" t="s">
        <v>50</v>
      </c>
    </row>
    <row r="61" spans="1:5" ht="17.25" customHeight="1">
      <c r="A61" s="22" t="s">
        <v>33</v>
      </c>
      <c r="B61" s="23" t="s">
        <v>14</v>
      </c>
      <c r="C61" s="24">
        <v>271848</v>
      </c>
      <c r="D61" s="25" t="s">
        <v>50</v>
      </c>
      <c r="E61" s="25" t="s">
        <v>50</v>
      </c>
    </row>
    <row r="62" spans="1:5" ht="17.25" customHeight="1">
      <c r="A62" s="22" t="s">
        <v>34</v>
      </c>
      <c r="B62" s="23" t="s">
        <v>52</v>
      </c>
      <c r="C62" s="24">
        <v>693842</v>
      </c>
      <c r="D62" s="25" t="s">
        <v>50</v>
      </c>
      <c r="E62" s="25" t="s">
        <v>50</v>
      </c>
    </row>
    <row r="63" spans="1:5" ht="17.25" customHeight="1">
      <c r="A63" s="22" t="s">
        <v>35</v>
      </c>
      <c r="B63" s="23" t="s">
        <v>52</v>
      </c>
      <c r="C63" s="24">
        <v>278436</v>
      </c>
      <c r="D63" s="25" t="s">
        <v>50</v>
      </c>
      <c r="E63" s="25" t="s">
        <v>50</v>
      </c>
    </row>
    <row r="64" spans="1:5" ht="17.25" customHeight="1">
      <c r="A64" s="22" t="s">
        <v>36</v>
      </c>
      <c r="B64" s="23" t="s">
        <v>52</v>
      </c>
      <c r="C64" s="24">
        <v>296163</v>
      </c>
      <c r="D64" s="25" t="s">
        <v>50</v>
      </c>
      <c r="E64" s="25" t="s">
        <v>50</v>
      </c>
    </row>
    <row r="65" spans="1:5" ht="17.25" customHeight="1">
      <c r="A65" s="8" t="s">
        <v>37</v>
      </c>
      <c r="B65" s="9" t="s">
        <v>10</v>
      </c>
      <c r="C65" s="10">
        <v>294566</v>
      </c>
      <c r="D65" s="11" t="s">
        <v>50</v>
      </c>
      <c r="E65" s="11" t="s">
        <v>50</v>
      </c>
    </row>
    <row r="66" spans="1:5" ht="17.25" customHeight="1">
      <c r="A66" s="18" t="s">
        <v>37</v>
      </c>
      <c r="B66" s="19" t="s">
        <v>52</v>
      </c>
      <c r="C66" s="20">
        <v>100247</v>
      </c>
      <c r="D66" s="21" t="s">
        <v>50</v>
      </c>
      <c r="E66" s="21" t="s">
        <v>50</v>
      </c>
    </row>
    <row r="67" spans="1:5" ht="17.25" customHeight="1">
      <c r="A67" s="8" t="s">
        <v>38</v>
      </c>
      <c r="B67" s="9" t="s">
        <v>10</v>
      </c>
      <c r="C67" s="10">
        <v>248820</v>
      </c>
      <c r="D67" s="11" t="s">
        <v>50</v>
      </c>
      <c r="E67" s="11" t="s">
        <v>50</v>
      </c>
    </row>
    <row r="68" spans="1:5" ht="17.25" customHeight="1">
      <c r="A68" s="18" t="s">
        <v>38</v>
      </c>
      <c r="B68" s="19" t="s">
        <v>52</v>
      </c>
      <c r="C68" s="20">
        <v>182670</v>
      </c>
      <c r="D68" s="21" t="s">
        <v>50</v>
      </c>
      <c r="E68" s="21" t="s">
        <v>50</v>
      </c>
    </row>
    <row r="69" spans="1:5" ht="17.25" customHeight="1">
      <c r="A69" s="8" t="s">
        <v>39</v>
      </c>
      <c r="B69" s="9" t="s">
        <v>60</v>
      </c>
      <c r="C69" s="10">
        <v>103199</v>
      </c>
      <c r="D69" s="11" t="s">
        <v>50</v>
      </c>
      <c r="E69" s="11" t="s">
        <v>50</v>
      </c>
    </row>
    <row r="70" spans="1:5" ht="17.25" customHeight="1">
      <c r="A70" s="13" t="s">
        <v>39</v>
      </c>
      <c r="B70" s="14" t="s">
        <v>52</v>
      </c>
      <c r="C70" s="15">
        <v>121176</v>
      </c>
      <c r="D70" s="16" t="s">
        <v>50</v>
      </c>
      <c r="E70" s="16" t="s">
        <v>50</v>
      </c>
    </row>
    <row r="71" spans="1:5" ht="17.25" customHeight="1">
      <c r="A71" s="18" t="s">
        <v>39</v>
      </c>
      <c r="B71" s="19" t="s">
        <v>61</v>
      </c>
      <c r="C71" s="20">
        <v>16424</v>
      </c>
      <c r="D71" s="21" t="s">
        <v>50</v>
      </c>
      <c r="E71" s="21" t="s">
        <v>50</v>
      </c>
    </row>
    <row r="72" spans="1:5" ht="17.25" customHeight="1">
      <c r="A72" s="8" t="s">
        <v>40</v>
      </c>
      <c r="B72" s="9" t="s">
        <v>1</v>
      </c>
      <c r="C72" s="10">
        <v>139552</v>
      </c>
      <c r="D72" s="11" t="s">
        <v>50</v>
      </c>
      <c r="E72" s="11" t="s">
        <v>50</v>
      </c>
    </row>
    <row r="73" spans="1:5" ht="17.25" customHeight="1">
      <c r="A73" s="18" t="s">
        <v>40</v>
      </c>
      <c r="B73" s="19" t="s">
        <v>0</v>
      </c>
      <c r="C73" s="20">
        <v>176492</v>
      </c>
      <c r="D73" s="21" t="s">
        <v>50</v>
      </c>
      <c r="E73" s="21" t="s">
        <v>50</v>
      </c>
    </row>
    <row r="74" spans="1:5" ht="17.25" customHeight="1">
      <c r="A74" s="8" t="s">
        <v>41</v>
      </c>
      <c r="B74" s="9" t="s">
        <v>10</v>
      </c>
      <c r="C74" s="10">
        <v>192140</v>
      </c>
      <c r="D74" s="11" t="s">
        <v>50</v>
      </c>
      <c r="E74" s="11" t="s">
        <v>50</v>
      </c>
    </row>
    <row r="75" spans="1:5" ht="17.25" customHeight="1">
      <c r="A75" s="18" t="s">
        <v>41</v>
      </c>
      <c r="B75" s="19" t="s">
        <v>14</v>
      </c>
      <c r="C75" s="20">
        <v>230752</v>
      </c>
      <c r="D75" s="21" t="s">
        <v>50</v>
      </c>
      <c r="E75" s="21" t="s">
        <v>50</v>
      </c>
    </row>
    <row r="76" spans="1:5" ht="17.25" customHeight="1">
      <c r="A76" s="8" t="s">
        <v>42</v>
      </c>
      <c r="B76" s="9" t="s">
        <v>10</v>
      </c>
      <c r="C76" s="10">
        <v>361835</v>
      </c>
      <c r="D76" s="11" t="s">
        <v>50</v>
      </c>
      <c r="E76" s="11" t="s">
        <v>50</v>
      </c>
    </row>
    <row r="77" spans="1:5" ht="17.25" customHeight="1">
      <c r="A77" s="13" t="s">
        <v>42</v>
      </c>
      <c r="B77" s="14" t="s">
        <v>57</v>
      </c>
      <c r="C77" s="15">
        <v>711269</v>
      </c>
      <c r="D77" s="16" t="s">
        <v>50</v>
      </c>
      <c r="E77" s="16" t="s">
        <v>50</v>
      </c>
    </row>
    <row r="78" spans="1:5" ht="17.25" customHeight="1">
      <c r="A78" s="18" t="s">
        <v>42</v>
      </c>
      <c r="B78" s="19" t="s">
        <v>62</v>
      </c>
      <c r="C78" s="20">
        <v>124938</v>
      </c>
      <c r="D78" s="21" t="s">
        <v>50</v>
      </c>
      <c r="E78" s="21" t="s">
        <v>50</v>
      </c>
    </row>
    <row r="79" spans="1:5" ht="17.25" customHeight="1">
      <c r="A79" s="8" t="s">
        <v>43</v>
      </c>
      <c r="B79" s="9" t="s">
        <v>10</v>
      </c>
      <c r="C79" s="10">
        <v>196974</v>
      </c>
      <c r="D79" s="11" t="s">
        <v>50</v>
      </c>
      <c r="E79" s="11" t="s">
        <v>50</v>
      </c>
    </row>
    <row r="80" spans="1:5" ht="17.25" customHeight="1">
      <c r="A80" s="18" t="s">
        <v>43</v>
      </c>
      <c r="B80" s="19" t="s">
        <v>52</v>
      </c>
      <c r="C80" s="20">
        <v>19798</v>
      </c>
      <c r="D80" s="21" t="s">
        <v>50</v>
      </c>
      <c r="E80" s="21" t="s">
        <v>50</v>
      </c>
    </row>
    <row r="81" spans="1:5" ht="17.25" customHeight="1">
      <c r="A81" s="8" t="s">
        <v>44</v>
      </c>
      <c r="B81" s="9" t="s">
        <v>10</v>
      </c>
      <c r="C81" s="10">
        <v>416641</v>
      </c>
      <c r="D81" s="11" t="s">
        <v>50</v>
      </c>
      <c r="E81" s="11" t="s">
        <v>50</v>
      </c>
    </row>
    <row r="82" spans="1:5" ht="17.25" customHeight="1">
      <c r="A82" s="13" t="s">
        <v>44</v>
      </c>
      <c r="B82" s="14" t="s">
        <v>48</v>
      </c>
      <c r="C82" s="15">
        <v>171553</v>
      </c>
      <c r="D82" s="16" t="s">
        <v>50</v>
      </c>
      <c r="E82" s="16" t="s">
        <v>50</v>
      </c>
    </row>
    <row r="83" spans="1:5" ht="17.25" customHeight="1">
      <c r="A83" s="18" t="s">
        <v>44</v>
      </c>
      <c r="B83" s="19" t="s">
        <v>14</v>
      </c>
      <c r="C83" s="20">
        <v>461958</v>
      </c>
      <c r="D83" s="21" t="s">
        <v>50</v>
      </c>
      <c r="E83" s="21" t="s">
        <v>50</v>
      </c>
    </row>
    <row r="84" spans="1:5" ht="17.25" customHeight="1">
      <c r="A84" s="8" t="s">
        <v>45</v>
      </c>
      <c r="B84" s="9" t="s">
        <v>10</v>
      </c>
      <c r="C84" s="10">
        <v>521303</v>
      </c>
      <c r="D84" s="11" t="s">
        <v>50</v>
      </c>
      <c r="E84" s="11" t="s">
        <v>50</v>
      </c>
    </row>
    <row r="85" spans="1:5" ht="17.25" customHeight="1">
      <c r="A85" s="18" t="s">
        <v>45</v>
      </c>
      <c r="B85" s="19" t="s">
        <v>52</v>
      </c>
      <c r="C85" s="20">
        <v>525732</v>
      </c>
      <c r="D85" s="21">
        <v>7021</v>
      </c>
      <c r="E85" s="28">
        <v>1.3</v>
      </c>
    </row>
    <row r="86" spans="1:5" ht="17.25" customHeight="1">
      <c r="A86" s="8" t="s">
        <v>46</v>
      </c>
      <c r="B86" s="9" t="s">
        <v>63</v>
      </c>
      <c r="C86" s="10">
        <v>52738</v>
      </c>
      <c r="D86" s="11" t="s">
        <v>50</v>
      </c>
      <c r="E86" s="11" t="s">
        <v>50</v>
      </c>
    </row>
    <row r="87" spans="1:5" ht="17.25" customHeight="1">
      <c r="A87" s="18" t="s">
        <v>46</v>
      </c>
      <c r="B87" s="19" t="s">
        <v>52</v>
      </c>
      <c r="C87" s="20">
        <v>40239</v>
      </c>
      <c r="D87" s="21" t="s">
        <v>50</v>
      </c>
      <c r="E87" s="21" t="s">
        <v>50</v>
      </c>
    </row>
    <row r="88" spans="1:5" hidden="1">
      <c r="A88" s="26" t="s">
        <v>44</v>
      </c>
    </row>
    <row r="89" spans="1:5" hidden="1">
      <c r="A89" s="26" t="s">
        <v>45</v>
      </c>
    </row>
    <row r="90" spans="1:5" hidden="1">
      <c r="A90" s="26" t="s">
        <v>45</v>
      </c>
    </row>
    <row r="91" spans="1:5" hidden="1">
      <c r="A91" s="26" t="s">
        <v>46</v>
      </c>
    </row>
    <row r="92" spans="1:5" hidden="1">
      <c r="A92" s="26" t="s">
        <v>46</v>
      </c>
    </row>
  </sheetData>
  <phoneticPr fontI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４　令和元年度決算に基づく市町村健全化判断比率等
　（２）資金不足比率［&amp;P/&amp;N］&amp;R&amp;"ＭＳ ゴシック,標準"&amp;10
（単位：％、千円）</oddHeader>
  </headerFooter>
  <rowBreaks count="2" manualBreakCount="2">
    <brk id="42" max="4" man="1"/>
    <brk id="80" max="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2</vt:lpstr>
      <vt:lpstr>'42'!Print_Area</vt:lpstr>
      <vt:lpstr>'42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14T00:14:33Z</cp:lastPrinted>
  <dcterms:created xsi:type="dcterms:W3CDTF">2013-03-18T10:26:14Z</dcterms:created>
  <dcterms:modified xsi:type="dcterms:W3CDTF">2020-12-24T07:31:41Z</dcterms:modified>
</cp:coreProperties>
</file>